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P:\18_幼児教育無償化関連\ホームページ\様式\ホームページ用\"/>
    </mc:Choice>
  </mc:AlternateContent>
  <xr:revisionPtr revIDLastSave="0" documentId="8_{2B68DD81-0775-43F8-AF27-048908346BCD}" xr6:coauthVersionLast="47" xr6:coauthVersionMax="47" xr10:uidLastSave="{00000000-0000-0000-0000-000000000000}"/>
  <bookViews>
    <workbookView xWindow="-120" yWindow="-120" windowWidth="29040" windowHeight="15840" xr2:uid="{D67FA094-32B7-4179-A1EC-A088A790987B}"/>
  </bookViews>
  <sheets>
    <sheet name="在学証明書" sheetId="1" r:id="rId1"/>
  </sheets>
  <externalReferences>
    <externalReference r:id="rId2"/>
    <externalReference r:id="rId3"/>
  </externalReferences>
  <definedNames>
    <definedName name="価格" localSheetId="0">[1]Sheet1!$C:$C</definedName>
    <definedName name="価格">[2]Sheet1!$C:$C</definedName>
    <definedName name="金額" localSheetId="0">[1]Sheet1!$E:$E</definedName>
    <definedName name="金額">[2]Sheet1!$E:$E</definedName>
    <definedName name="個数" localSheetId="0">[1]Sheet1!$D:$D</definedName>
    <definedName name="個数">[2]Sheet1!$D:$D</definedName>
    <definedName name="消費税率" localSheetId="0">[1]Sheet1!$F$1</definedName>
    <definedName name="消費税率">[2]Sheet1!$F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6" uniqueCount="37">
  <si>
    <t>在　学　証　明　書</t>
    <rPh sb="0" eb="1">
      <t>ザイ</t>
    </rPh>
    <rPh sb="2" eb="3">
      <t>ガク</t>
    </rPh>
    <rPh sb="4" eb="5">
      <t>アカシ</t>
    </rPh>
    <rPh sb="6" eb="7">
      <t>メイ</t>
    </rPh>
    <rPh sb="8" eb="9">
      <t>ショ</t>
    </rPh>
    <phoneticPr fontId="3"/>
  </si>
  <si>
    <r>
      <t xml:space="preserve">　　　　　 </t>
    </r>
    <r>
      <rPr>
        <sz val="12"/>
        <rFont val="ＭＳ Ｐゴシック"/>
        <family val="3"/>
        <charset val="128"/>
      </rPr>
      <t>＜受 講 者＞</t>
    </r>
    <r>
      <rPr>
        <sz val="14"/>
        <rFont val="ＭＳ Ｐゴシック"/>
        <family val="3"/>
        <charset val="128"/>
      </rPr>
      <t xml:space="preserve"> </t>
    </r>
    <rPh sb="7" eb="8">
      <t>ウケ</t>
    </rPh>
    <rPh sb="9" eb="10">
      <t>コウ</t>
    </rPh>
    <rPh sb="11" eb="12">
      <t>シャ</t>
    </rPh>
    <phoneticPr fontId="3"/>
  </si>
  <si>
    <r>
      <t xml:space="preserve">　　　　　  </t>
    </r>
    <r>
      <rPr>
        <sz val="12"/>
        <rFont val="ＭＳ Ｐゴシック"/>
        <family val="3"/>
        <charset val="128"/>
      </rPr>
      <t>住         所</t>
    </r>
    <r>
      <rPr>
        <sz val="14"/>
        <rFont val="ＭＳ Ｐゴシック"/>
        <family val="3"/>
        <charset val="128"/>
      </rPr>
      <t xml:space="preserve">    沖縄市</t>
    </r>
    <rPh sb="7" eb="8">
      <t>ジュウ</t>
    </rPh>
    <rPh sb="17" eb="18">
      <t>ショ</t>
    </rPh>
    <rPh sb="22" eb="25">
      <t>オキナワシ</t>
    </rPh>
    <phoneticPr fontId="3"/>
  </si>
  <si>
    <t>　　　　　　氏　　　名</t>
    <rPh sb="6" eb="7">
      <t>シ</t>
    </rPh>
    <rPh sb="10" eb="11">
      <t>メイ</t>
    </rPh>
    <phoneticPr fontId="3"/>
  </si>
  <si>
    <t>　　　　　　生年月日　　　　　　　　　　年　　　月　　　日　　　</t>
    <rPh sb="6" eb="8">
      <t>セイネン</t>
    </rPh>
    <rPh sb="8" eb="10">
      <t>ガッピ</t>
    </rPh>
    <rPh sb="20" eb="21">
      <t>ネン</t>
    </rPh>
    <rPh sb="24" eb="25">
      <t>ガツ</t>
    </rPh>
    <rPh sb="28" eb="29">
      <t>ビ</t>
    </rPh>
    <phoneticPr fontId="3"/>
  </si>
  <si>
    <t>　　　　　　児童との続柄　　　　　</t>
    <rPh sb="6" eb="8">
      <t>ジドウ</t>
    </rPh>
    <rPh sb="10" eb="12">
      <t>ゾクガラ</t>
    </rPh>
    <phoneticPr fontId="3"/>
  </si>
  <si>
    <t>　　　　　　　　　上記の者は、本校に在学中であることを証明する。</t>
    <rPh sb="9" eb="11">
      <t>ジョウキ</t>
    </rPh>
    <rPh sb="12" eb="13">
      <t>モノ</t>
    </rPh>
    <rPh sb="15" eb="17">
      <t>ホンコウ</t>
    </rPh>
    <rPh sb="18" eb="21">
      <t>ザイガクチュウ</t>
    </rPh>
    <rPh sb="27" eb="29">
      <t>ショウメイ</t>
    </rPh>
    <phoneticPr fontId="3"/>
  </si>
  <si>
    <t>予定在学期間</t>
    <rPh sb="0" eb="2">
      <t>ヨテイ</t>
    </rPh>
    <rPh sb="2" eb="4">
      <t>ザイガク</t>
    </rPh>
    <rPh sb="4" eb="6">
      <t>キカン</t>
    </rPh>
    <phoneticPr fontId="3"/>
  </si>
  <si>
    <t>　　　　　年　　　月　　　日　～　　　　　　年　　　月　　　日</t>
    <rPh sb="5" eb="6">
      <t>トシ</t>
    </rPh>
    <rPh sb="9" eb="10">
      <t>ツキ</t>
    </rPh>
    <rPh sb="13" eb="14">
      <t>ヒ</t>
    </rPh>
    <phoneticPr fontId="3"/>
  </si>
  <si>
    <t>課　　　　程</t>
    <rPh sb="0" eb="1">
      <t>カ</t>
    </rPh>
    <rPh sb="5" eb="6">
      <t>ホド</t>
    </rPh>
    <phoneticPr fontId="2"/>
  </si>
  <si>
    <t>□通学制</t>
    <rPh sb="1" eb="3">
      <t>ツウガク</t>
    </rPh>
    <rPh sb="3" eb="4">
      <t>セイ</t>
    </rPh>
    <phoneticPr fontId="2"/>
  </si>
  <si>
    <t>□通信制　　（該当するものにチェック）</t>
    <rPh sb="1" eb="4">
      <t>ツウシンセイ</t>
    </rPh>
    <rPh sb="7" eb="9">
      <t>ガイトウ</t>
    </rPh>
    <phoneticPr fontId="2"/>
  </si>
  <si>
    <t>受講科目
（コース名）</t>
    <rPh sb="0" eb="2">
      <t>ジュコウ</t>
    </rPh>
    <rPh sb="2" eb="4">
      <t>カモク</t>
    </rPh>
    <rPh sb="9" eb="10">
      <t>メイ</t>
    </rPh>
    <phoneticPr fontId="3"/>
  </si>
  <si>
    <t>受講日数</t>
    <rPh sb="0" eb="2">
      <t>ジュコウ</t>
    </rPh>
    <rPh sb="2" eb="4">
      <t>ニッスウ</t>
    </rPh>
    <phoneticPr fontId="3"/>
  </si>
  <si>
    <t>週　　　　　　日　　　　（月　　　　　　日）</t>
    <rPh sb="0" eb="1">
      <t>シュウ</t>
    </rPh>
    <rPh sb="7" eb="8">
      <t>ニチ</t>
    </rPh>
    <phoneticPr fontId="3"/>
  </si>
  <si>
    <t>受講時間</t>
    <rPh sb="0" eb="2">
      <t>ジュコウ</t>
    </rPh>
    <rPh sb="2" eb="4">
      <t>ジカン</t>
    </rPh>
    <phoneticPr fontId="3"/>
  </si>
  <si>
    <t>AM　　　：　　～AM　　　　：　　　迄　　</t>
    <rPh sb="19" eb="20">
      <t>マデ</t>
    </rPh>
    <phoneticPr fontId="3"/>
  </si>
  <si>
    <t>ＰM　　　：　　～ＰM　　　　：　　　迄　　（合計　1日　　　時間）</t>
    <rPh sb="19" eb="20">
      <t>マデ</t>
    </rPh>
    <rPh sb="23" eb="25">
      <t>ゴウケイ</t>
    </rPh>
    <rPh sb="27" eb="28">
      <t>ニチ</t>
    </rPh>
    <rPh sb="31" eb="33">
      <t>ジカン</t>
    </rPh>
    <phoneticPr fontId="3"/>
  </si>
  <si>
    <t>証　　明　　日</t>
    <rPh sb="0" eb="1">
      <t>ショウ</t>
    </rPh>
    <rPh sb="3" eb="4">
      <t>アキラ</t>
    </rPh>
    <rPh sb="6" eb="7">
      <t>ビ</t>
    </rPh>
    <phoneticPr fontId="3"/>
  </si>
  <si>
    <t>　　年　　 　月 　　　日</t>
    <rPh sb="2" eb="3">
      <t>トシ</t>
    </rPh>
    <rPh sb="7" eb="8">
      <t>ツキ</t>
    </rPh>
    <rPh sb="12" eb="13">
      <t>ヒ</t>
    </rPh>
    <phoneticPr fontId="3"/>
  </si>
  <si>
    <t>所　　在　　地</t>
    <rPh sb="0" eb="1">
      <t>ショ</t>
    </rPh>
    <rPh sb="3" eb="4">
      <t>ザイ</t>
    </rPh>
    <rPh sb="6" eb="7">
      <t>チ</t>
    </rPh>
    <phoneticPr fontId="3"/>
  </si>
  <si>
    <t>学　　校　　名</t>
    <rPh sb="0" eb="1">
      <t>ガク</t>
    </rPh>
    <rPh sb="3" eb="4">
      <t>コウ</t>
    </rPh>
    <rPh sb="6" eb="7">
      <t>メイ</t>
    </rPh>
    <phoneticPr fontId="3"/>
  </si>
  <si>
    <t>代　表　者　名</t>
    <rPh sb="0" eb="1">
      <t>ダイ</t>
    </rPh>
    <rPh sb="2" eb="3">
      <t>オモテ</t>
    </rPh>
    <rPh sb="4" eb="5">
      <t>シャ</t>
    </rPh>
    <rPh sb="6" eb="7">
      <t>メイ</t>
    </rPh>
    <phoneticPr fontId="3"/>
  </si>
  <si>
    <t>電　話　番　号</t>
    <rPh sb="0" eb="1">
      <t>デン</t>
    </rPh>
    <rPh sb="2" eb="3">
      <t>ハナシ</t>
    </rPh>
    <rPh sb="4" eb="5">
      <t>バン</t>
    </rPh>
    <rPh sb="6" eb="7">
      <t>ゴウ</t>
    </rPh>
    <phoneticPr fontId="3"/>
  </si>
  <si>
    <t>記　入　者　名</t>
    <rPh sb="0" eb="1">
      <t>キ</t>
    </rPh>
    <rPh sb="2" eb="3">
      <t>ニュウ</t>
    </rPh>
    <rPh sb="4" eb="5">
      <t>シャ</t>
    </rPh>
    <rPh sb="6" eb="7">
      <t>メイ</t>
    </rPh>
    <phoneticPr fontId="2"/>
  </si>
  <si>
    <t>記入者連絡先</t>
    <rPh sb="0" eb="3">
      <t>キニュウシャ</t>
    </rPh>
    <rPh sb="3" eb="6">
      <t>レンラクサキ</t>
    </rPh>
    <phoneticPr fontId="2"/>
  </si>
  <si>
    <t>＜保護者の皆様へ＞</t>
    <rPh sb="1" eb="4">
      <t>ホゴシャ</t>
    </rPh>
    <rPh sb="5" eb="7">
      <t>ミナサマ</t>
    </rPh>
    <phoneticPr fontId="3"/>
  </si>
  <si>
    <t>★時間割（カリキュラム）がわかる資料の添付をお願い致します。</t>
    <rPh sb="1" eb="3">
      <t>ジカン</t>
    </rPh>
    <rPh sb="3" eb="4">
      <t>ワリ</t>
    </rPh>
    <rPh sb="16" eb="18">
      <t>シリョウ</t>
    </rPh>
    <rPh sb="19" eb="21">
      <t>テンプ</t>
    </rPh>
    <rPh sb="23" eb="24">
      <t>ネガ</t>
    </rPh>
    <rPh sb="25" eb="26">
      <t>イタ</t>
    </rPh>
    <phoneticPr fontId="3"/>
  </si>
  <si>
    <t>＜保護者記載欄＞</t>
    <rPh sb="1" eb="4">
      <t>ホゴシャ</t>
    </rPh>
    <rPh sb="4" eb="6">
      <t>キサイ</t>
    </rPh>
    <rPh sb="6" eb="7">
      <t>ラン</t>
    </rPh>
    <phoneticPr fontId="3"/>
  </si>
  <si>
    <t>児童氏名</t>
    <rPh sb="0" eb="2">
      <t>ジドウ</t>
    </rPh>
    <rPh sb="2" eb="4">
      <t>シメイ</t>
    </rPh>
    <phoneticPr fontId="3"/>
  </si>
  <si>
    <t>生年月日</t>
    <rPh sb="0" eb="2">
      <t>セイネン</t>
    </rPh>
    <rPh sb="2" eb="4">
      <t>ガッピ</t>
    </rPh>
    <phoneticPr fontId="3"/>
  </si>
  <si>
    <t>性別</t>
    <rPh sb="0" eb="2">
      <t>セイベツ</t>
    </rPh>
    <phoneticPr fontId="3"/>
  </si>
  <si>
    <t>施設名</t>
    <rPh sb="0" eb="2">
      <t>シセツ</t>
    </rPh>
    <rPh sb="2" eb="3">
      <t>メイ</t>
    </rPh>
    <phoneticPr fontId="3"/>
  </si>
  <si>
    <t>　　　   年　　月　 　日　</t>
    <phoneticPr fontId="3"/>
  </si>
  <si>
    <t>男 ・女</t>
    <rPh sb="0" eb="1">
      <t>オトコ</t>
    </rPh>
    <rPh sb="3" eb="4">
      <t>オンナ</t>
    </rPh>
    <phoneticPr fontId="3"/>
  </si>
  <si>
    <t>（在園児・新規申込）</t>
    <rPh sb="1" eb="2">
      <t>ザイ</t>
    </rPh>
    <rPh sb="2" eb="4">
      <t>エンジ</t>
    </rPh>
    <rPh sb="5" eb="7">
      <t>シンキ</t>
    </rPh>
    <rPh sb="7" eb="9">
      <t>モウシコミ</t>
    </rPh>
    <phoneticPr fontId="3"/>
  </si>
  <si>
    <t xml:space="preserve">                                 問い合わせ先：沖縄市 保育・幼稚園課　支援係　電話098-939-1212</t>
    <rPh sb="52" eb="54">
      <t>シエン</t>
    </rPh>
    <rPh sb="54" eb="55">
      <t>カカリ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charset val="128"/>
      <scheme val="minor"/>
    </font>
    <font>
      <sz val="24"/>
      <name val="HGPｺﾞｼｯｸE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4"/>
      <name val="HGPｺﾞｼｯｸE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6"/>
      <name val="ＭＳ Ｐゴシック"/>
      <family val="3"/>
      <charset val="128"/>
    </font>
    <font>
      <sz val="13"/>
      <name val="ＭＳ Ｐ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42">
    <xf numFmtId="0" fontId="0" fillId="0" borderId="0" xfId="0">
      <alignment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7" fillId="0" borderId="0" xfId="0" applyFont="1">
      <alignment vertical="center"/>
    </xf>
    <xf numFmtId="49" fontId="7" fillId="0" borderId="0" xfId="0" applyNumberFormat="1" applyFont="1">
      <alignment vertical="center"/>
    </xf>
    <xf numFmtId="0" fontId="8" fillId="0" borderId="0" xfId="0" applyFont="1" applyAlignment="1">
      <alignment horizontal="distributed" vertical="center"/>
    </xf>
    <xf numFmtId="0" fontId="6" fillId="0" borderId="0" xfId="0" applyFont="1">
      <alignment vertical="center"/>
    </xf>
    <xf numFmtId="0" fontId="8" fillId="0" borderId="0" xfId="0" applyFont="1" applyAlignment="1">
      <alignment horizontal="center" vertical="center"/>
    </xf>
    <xf numFmtId="0" fontId="8" fillId="0" borderId="0" xfId="0" applyFont="1" applyAlignment="1">
      <alignment horizontal="distributed" vertical="center" wrapText="1"/>
    </xf>
    <xf numFmtId="0" fontId="8" fillId="0" borderId="0" xfId="0" applyFont="1">
      <alignment vertical="center"/>
    </xf>
    <xf numFmtId="0" fontId="6" fillId="0" borderId="1" xfId="0" applyFont="1" applyBorder="1">
      <alignment vertical="center"/>
    </xf>
    <xf numFmtId="0" fontId="0" fillId="0" borderId="1" xfId="0" applyBorder="1">
      <alignment vertical="center"/>
    </xf>
    <xf numFmtId="0" fontId="6" fillId="0" borderId="0" xfId="0" applyFont="1" applyAlignment="1">
      <alignment horizontal="left" vertical="center"/>
    </xf>
    <xf numFmtId="0" fontId="0" fillId="0" borderId="0" xfId="0" applyAlignment="1">
      <alignment horizontal="distributed" vertical="center"/>
    </xf>
    <xf numFmtId="0" fontId="0" fillId="0" borderId="0" xfId="0" applyAlignment="1">
      <alignment horizontal="distributed" vertical="center"/>
    </xf>
    <xf numFmtId="0" fontId="5" fillId="0" borderId="0" xfId="0" applyFont="1">
      <alignment vertical="center"/>
    </xf>
    <xf numFmtId="0" fontId="0" fillId="0" borderId="2" xfId="0" applyBorder="1" applyAlignment="1">
      <alignment horizontal="center" vertical="center" wrapText="1" shrinkToFit="1"/>
    </xf>
    <xf numFmtId="0" fontId="0" fillId="0" borderId="3" xfId="0" applyBorder="1" applyAlignment="1">
      <alignment horizontal="center" vertical="center" wrapText="1" shrinkToFit="1"/>
    </xf>
    <xf numFmtId="0" fontId="0" fillId="0" borderId="4" xfId="0" applyBorder="1" applyAlignment="1">
      <alignment horizontal="center" vertical="center" wrapText="1" shrinkToFit="1"/>
    </xf>
    <xf numFmtId="0" fontId="0" fillId="0" borderId="5" xfId="0" applyBorder="1" applyAlignment="1">
      <alignment horizontal="center" vertical="center" wrapText="1" shrinkToFit="1"/>
    </xf>
    <xf numFmtId="0" fontId="0" fillId="0" borderId="6" xfId="0" applyBorder="1" applyAlignment="1">
      <alignment horizontal="center" vertical="center" wrapText="1" shrinkToFit="1"/>
    </xf>
    <xf numFmtId="0" fontId="0" fillId="0" borderId="7" xfId="0" applyBorder="1" applyAlignment="1">
      <alignment horizontal="center" vertical="center" wrapText="1" shrinkToFit="1"/>
    </xf>
    <xf numFmtId="0" fontId="0" fillId="0" borderId="1" xfId="0" applyBorder="1" applyAlignment="1">
      <alignment horizontal="center" vertical="center" wrapText="1" shrinkToFit="1"/>
    </xf>
    <xf numFmtId="0" fontId="9" fillId="0" borderId="2" xfId="0" applyFont="1" applyBorder="1" applyAlignment="1">
      <alignment horizontal="center" vertical="center"/>
    </xf>
    <xf numFmtId="0" fontId="9" fillId="0" borderId="2" xfId="0" applyFont="1" applyBorder="1" applyAlignment="1">
      <alignment horizontal="right" vertical="center"/>
    </xf>
    <xf numFmtId="0" fontId="9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3" xfId="0" applyFont="1" applyBorder="1" applyAlignment="1">
      <alignment horizontal="right" vertical="center"/>
    </xf>
    <xf numFmtId="0" fontId="9" fillId="0" borderId="5" xfId="0" applyFont="1" applyBorder="1" applyAlignment="1">
      <alignment horizontal="right" vertical="center"/>
    </xf>
    <xf numFmtId="0" fontId="9" fillId="0" borderId="4" xfId="0" applyFont="1" applyBorder="1" applyAlignment="1">
      <alignment horizontal="right" vertical="center"/>
    </xf>
    <xf numFmtId="0" fontId="9" fillId="0" borderId="6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9" fillId="0" borderId="6" xfId="0" applyFont="1" applyBorder="1" applyAlignment="1">
      <alignment horizontal="right" vertical="center"/>
    </xf>
    <xf numFmtId="0" fontId="9" fillId="0" borderId="1" xfId="0" applyFont="1" applyBorder="1" applyAlignment="1">
      <alignment horizontal="right" vertical="center"/>
    </xf>
    <xf numFmtId="0" fontId="9" fillId="0" borderId="7" xfId="0" applyFont="1" applyBorder="1" applyAlignment="1">
      <alignment horizontal="right" vertical="center"/>
    </xf>
    <xf numFmtId="0" fontId="9" fillId="0" borderId="0" xfId="0" applyFont="1" applyAlignment="1">
      <alignment horizontal="center" vertical="center"/>
    </xf>
    <xf numFmtId="0" fontId="9" fillId="0" borderId="0" xfId="0" applyFont="1">
      <alignment vertical="center"/>
    </xf>
    <xf numFmtId="0" fontId="0" fillId="0" borderId="0" xfId="0" applyAlignment="1">
      <alignment horizontal="center" vertical="center"/>
    </xf>
    <xf numFmtId="0" fontId="7" fillId="0" borderId="0" xfId="0" applyFont="1" applyAlignment="1">
      <alignment horizontal="distributed" vertical="center"/>
    </xf>
    <xf numFmtId="0" fontId="6" fillId="0" borderId="0" xfId="0" applyFont="1" applyAlignment="1">
      <alignment horizontal="distributed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3700\Desktop\Book2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</sheetNames>
    <sheetDataSet>
      <sheetData sheetId="0">
        <row r="1">
          <cell r="E1" t="str">
            <v>消費税率</v>
          </cell>
          <cell r="F1">
            <v>0.1</v>
          </cell>
        </row>
        <row r="3">
          <cell r="C3" t="str">
            <v>価格</v>
          </cell>
          <cell r="D3" t="str">
            <v>個数</v>
          </cell>
          <cell r="E3" t="str">
            <v>金額</v>
          </cell>
        </row>
        <row r="4">
          <cell r="C4">
            <v>200</v>
          </cell>
          <cell r="D4">
            <v>3</v>
          </cell>
          <cell r="E4">
            <v>600</v>
          </cell>
        </row>
      </sheetData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</sheetNames>
    <sheetDataSet>
      <sheetData sheetId="0">
        <row r="1">
          <cell r="E1" t="str">
            <v>消費税率</v>
          </cell>
          <cell r="F1">
            <v>0.1</v>
          </cell>
        </row>
        <row r="3">
          <cell r="C3" t="str">
            <v>価格</v>
          </cell>
          <cell r="D3" t="str">
            <v>個数</v>
          </cell>
          <cell r="E3" t="str">
            <v>金額</v>
          </cell>
        </row>
        <row r="4">
          <cell r="C4">
            <v>200</v>
          </cell>
          <cell r="D4">
            <v>3</v>
          </cell>
          <cell r="E4">
            <v>600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6B875A-6830-4E31-83A9-736D136F4512}">
  <sheetPr>
    <tabColor rgb="FFFFFF00"/>
    <pageSetUpPr fitToPage="1"/>
  </sheetPr>
  <dimension ref="A1:K64"/>
  <sheetViews>
    <sheetView tabSelected="1" topLeftCell="A16" workbookViewId="0">
      <selection activeCell="A54" sqref="A54"/>
    </sheetView>
  </sheetViews>
  <sheetFormatPr defaultRowHeight="18.75" x14ac:dyDescent="0.4"/>
  <cols>
    <col min="1" max="1" width="15.875" customWidth="1"/>
    <col min="2" max="2" width="7.5" customWidth="1"/>
    <col min="3" max="3" width="18.75" customWidth="1"/>
    <col min="4" max="4" width="3.375" customWidth="1"/>
    <col min="5" max="5" width="3.625" customWidth="1"/>
    <col min="6" max="6" width="7.5" customWidth="1"/>
    <col min="7" max="8" width="6.875" customWidth="1"/>
    <col min="9" max="9" width="9.25" customWidth="1"/>
    <col min="10" max="10" width="6.375" customWidth="1"/>
    <col min="11" max="11" width="7.125" customWidth="1"/>
    <col min="257" max="257" width="15.875" customWidth="1"/>
    <col min="258" max="258" width="7.5" customWidth="1"/>
    <col min="259" max="259" width="18.75" customWidth="1"/>
    <col min="260" max="260" width="3.375" customWidth="1"/>
    <col min="261" max="261" width="3.625" customWidth="1"/>
    <col min="262" max="262" width="7.5" customWidth="1"/>
    <col min="263" max="264" width="6.875" customWidth="1"/>
    <col min="265" max="265" width="9.25" customWidth="1"/>
    <col min="266" max="266" width="6.375" customWidth="1"/>
    <col min="267" max="267" width="7.125" customWidth="1"/>
    <col min="513" max="513" width="15.875" customWidth="1"/>
    <col min="514" max="514" width="7.5" customWidth="1"/>
    <col min="515" max="515" width="18.75" customWidth="1"/>
    <col min="516" max="516" width="3.375" customWidth="1"/>
    <col min="517" max="517" width="3.625" customWidth="1"/>
    <col min="518" max="518" width="7.5" customWidth="1"/>
    <col min="519" max="520" width="6.875" customWidth="1"/>
    <col min="521" max="521" width="9.25" customWidth="1"/>
    <col min="522" max="522" width="6.375" customWidth="1"/>
    <col min="523" max="523" width="7.125" customWidth="1"/>
    <col min="769" max="769" width="15.875" customWidth="1"/>
    <col min="770" max="770" width="7.5" customWidth="1"/>
    <col min="771" max="771" width="18.75" customWidth="1"/>
    <col min="772" max="772" width="3.375" customWidth="1"/>
    <col min="773" max="773" width="3.625" customWidth="1"/>
    <col min="774" max="774" width="7.5" customWidth="1"/>
    <col min="775" max="776" width="6.875" customWidth="1"/>
    <col min="777" max="777" width="9.25" customWidth="1"/>
    <col min="778" max="778" width="6.375" customWidth="1"/>
    <col min="779" max="779" width="7.125" customWidth="1"/>
    <col min="1025" max="1025" width="15.875" customWidth="1"/>
    <col min="1026" max="1026" width="7.5" customWidth="1"/>
    <col min="1027" max="1027" width="18.75" customWidth="1"/>
    <col min="1028" max="1028" width="3.375" customWidth="1"/>
    <col min="1029" max="1029" width="3.625" customWidth="1"/>
    <col min="1030" max="1030" width="7.5" customWidth="1"/>
    <col min="1031" max="1032" width="6.875" customWidth="1"/>
    <col min="1033" max="1033" width="9.25" customWidth="1"/>
    <col min="1034" max="1034" width="6.375" customWidth="1"/>
    <col min="1035" max="1035" width="7.125" customWidth="1"/>
    <col min="1281" max="1281" width="15.875" customWidth="1"/>
    <col min="1282" max="1282" width="7.5" customWidth="1"/>
    <col min="1283" max="1283" width="18.75" customWidth="1"/>
    <col min="1284" max="1284" width="3.375" customWidth="1"/>
    <col min="1285" max="1285" width="3.625" customWidth="1"/>
    <col min="1286" max="1286" width="7.5" customWidth="1"/>
    <col min="1287" max="1288" width="6.875" customWidth="1"/>
    <col min="1289" max="1289" width="9.25" customWidth="1"/>
    <col min="1290" max="1290" width="6.375" customWidth="1"/>
    <col min="1291" max="1291" width="7.125" customWidth="1"/>
    <col min="1537" max="1537" width="15.875" customWidth="1"/>
    <col min="1538" max="1538" width="7.5" customWidth="1"/>
    <col min="1539" max="1539" width="18.75" customWidth="1"/>
    <col min="1540" max="1540" width="3.375" customWidth="1"/>
    <col min="1541" max="1541" width="3.625" customWidth="1"/>
    <col min="1542" max="1542" width="7.5" customWidth="1"/>
    <col min="1543" max="1544" width="6.875" customWidth="1"/>
    <col min="1545" max="1545" width="9.25" customWidth="1"/>
    <col min="1546" max="1546" width="6.375" customWidth="1"/>
    <col min="1547" max="1547" width="7.125" customWidth="1"/>
    <col min="1793" max="1793" width="15.875" customWidth="1"/>
    <col min="1794" max="1794" width="7.5" customWidth="1"/>
    <col min="1795" max="1795" width="18.75" customWidth="1"/>
    <col min="1796" max="1796" width="3.375" customWidth="1"/>
    <col min="1797" max="1797" width="3.625" customWidth="1"/>
    <col min="1798" max="1798" width="7.5" customWidth="1"/>
    <col min="1799" max="1800" width="6.875" customWidth="1"/>
    <col min="1801" max="1801" width="9.25" customWidth="1"/>
    <col min="1802" max="1802" width="6.375" customWidth="1"/>
    <col min="1803" max="1803" width="7.125" customWidth="1"/>
    <col min="2049" max="2049" width="15.875" customWidth="1"/>
    <col min="2050" max="2050" width="7.5" customWidth="1"/>
    <col min="2051" max="2051" width="18.75" customWidth="1"/>
    <col min="2052" max="2052" width="3.375" customWidth="1"/>
    <col min="2053" max="2053" width="3.625" customWidth="1"/>
    <col min="2054" max="2054" width="7.5" customWidth="1"/>
    <col min="2055" max="2056" width="6.875" customWidth="1"/>
    <col min="2057" max="2057" width="9.25" customWidth="1"/>
    <col min="2058" max="2058" width="6.375" customWidth="1"/>
    <col min="2059" max="2059" width="7.125" customWidth="1"/>
    <col min="2305" max="2305" width="15.875" customWidth="1"/>
    <col min="2306" max="2306" width="7.5" customWidth="1"/>
    <col min="2307" max="2307" width="18.75" customWidth="1"/>
    <col min="2308" max="2308" width="3.375" customWidth="1"/>
    <col min="2309" max="2309" width="3.625" customWidth="1"/>
    <col min="2310" max="2310" width="7.5" customWidth="1"/>
    <col min="2311" max="2312" width="6.875" customWidth="1"/>
    <col min="2313" max="2313" width="9.25" customWidth="1"/>
    <col min="2314" max="2314" width="6.375" customWidth="1"/>
    <col min="2315" max="2315" width="7.125" customWidth="1"/>
    <col min="2561" max="2561" width="15.875" customWidth="1"/>
    <col min="2562" max="2562" width="7.5" customWidth="1"/>
    <col min="2563" max="2563" width="18.75" customWidth="1"/>
    <col min="2564" max="2564" width="3.375" customWidth="1"/>
    <col min="2565" max="2565" width="3.625" customWidth="1"/>
    <col min="2566" max="2566" width="7.5" customWidth="1"/>
    <col min="2567" max="2568" width="6.875" customWidth="1"/>
    <col min="2569" max="2569" width="9.25" customWidth="1"/>
    <col min="2570" max="2570" width="6.375" customWidth="1"/>
    <col min="2571" max="2571" width="7.125" customWidth="1"/>
    <col min="2817" max="2817" width="15.875" customWidth="1"/>
    <col min="2818" max="2818" width="7.5" customWidth="1"/>
    <col min="2819" max="2819" width="18.75" customWidth="1"/>
    <col min="2820" max="2820" width="3.375" customWidth="1"/>
    <col min="2821" max="2821" width="3.625" customWidth="1"/>
    <col min="2822" max="2822" width="7.5" customWidth="1"/>
    <col min="2823" max="2824" width="6.875" customWidth="1"/>
    <col min="2825" max="2825" width="9.25" customWidth="1"/>
    <col min="2826" max="2826" width="6.375" customWidth="1"/>
    <col min="2827" max="2827" width="7.125" customWidth="1"/>
    <col min="3073" max="3073" width="15.875" customWidth="1"/>
    <col min="3074" max="3074" width="7.5" customWidth="1"/>
    <col min="3075" max="3075" width="18.75" customWidth="1"/>
    <col min="3076" max="3076" width="3.375" customWidth="1"/>
    <col min="3077" max="3077" width="3.625" customWidth="1"/>
    <col min="3078" max="3078" width="7.5" customWidth="1"/>
    <col min="3079" max="3080" width="6.875" customWidth="1"/>
    <col min="3081" max="3081" width="9.25" customWidth="1"/>
    <col min="3082" max="3082" width="6.375" customWidth="1"/>
    <col min="3083" max="3083" width="7.125" customWidth="1"/>
    <col min="3329" max="3329" width="15.875" customWidth="1"/>
    <col min="3330" max="3330" width="7.5" customWidth="1"/>
    <col min="3331" max="3331" width="18.75" customWidth="1"/>
    <col min="3332" max="3332" width="3.375" customWidth="1"/>
    <col min="3333" max="3333" width="3.625" customWidth="1"/>
    <col min="3334" max="3334" width="7.5" customWidth="1"/>
    <col min="3335" max="3336" width="6.875" customWidth="1"/>
    <col min="3337" max="3337" width="9.25" customWidth="1"/>
    <col min="3338" max="3338" width="6.375" customWidth="1"/>
    <col min="3339" max="3339" width="7.125" customWidth="1"/>
    <col min="3585" max="3585" width="15.875" customWidth="1"/>
    <col min="3586" max="3586" width="7.5" customWidth="1"/>
    <col min="3587" max="3587" width="18.75" customWidth="1"/>
    <col min="3588" max="3588" width="3.375" customWidth="1"/>
    <col min="3589" max="3589" width="3.625" customWidth="1"/>
    <col min="3590" max="3590" width="7.5" customWidth="1"/>
    <col min="3591" max="3592" width="6.875" customWidth="1"/>
    <col min="3593" max="3593" width="9.25" customWidth="1"/>
    <col min="3594" max="3594" width="6.375" customWidth="1"/>
    <col min="3595" max="3595" width="7.125" customWidth="1"/>
    <col min="3841" max="3841" width="15.875" customWidth="1"/>
    <col min="3842" max="3842" width="7.5" customWidth="1"/>
    <col min="3843" max="3843" width="18.75" customWidth="1"/>
    <col min="3844" max="3844" width="3.375" customWidth="1"/>
    <col min="3845" max="3845" width="3.625" customWidth="1"/>
    <col min="3846" max="3846" width="7.5" customWidth="1"/>
    <col min="3847" max="3848" width="6.875" customWidth="1"/>
    <col min="3849" max="3849" width="9.25" customWidth="1"/>
    <col min="3850" max="3850" width="6.375" customWidth="1"/>
    <col min="3851" max="3851" width="7.125" customWidth="1"/>
    <col min="4097" max="4097" width="15.875" customWidth="1"/>
    <col min="4098" max="4098" width="7.5" customWidth="1"/>
    <col min="4099" max="4099" width="18.75" customWidth="1"/>
    <col min="4100" max="4100" width="3.375" customWidth="1"/>
    <col min="4101" max="4101" width="3.625" customWidth="1"/>
    <col min="4102" max="4102" width="7.5" customWidth="1"/>
    <col min="4103" max="4104" width="6.875" customWidth="1"/>
    <col min="4105" max="4105" width="9.25" customWidth="1"/>
    <col min="4106" max="4106" width="6.375" customWidth="1"/>
    <col min="4107" max="4107" width="7.125" customWidth="1"/>
    <col min="4353" max="4353" width="15.875" customWidth="1"/>
    <col min="4354" max="4354" width="7.5" customWidth="1"/>
    <col min="4355" max="4355" width="18.75" customWidth="1"/>
    <col min="4356" max="4356" width="3.375" customWidth="1"/>
    <col min="4357" max="4357" width="3.625" customWidth="1"/>
    <col min="4358" max="4358" width="7.5" customWidth="1"/>
    <col min="4359" max="4360" width="6.875" customWidth="1"/>
    <col min="4361" max="4361" width="9.25" customWidth="1"/>
    <col min="4362" max="4362" width="6.375" customWidth="1"/>
    <col min="4363" max="4363" width="7.125" customWidth="1"/>
    <col min="4609" max="4609" width="15.875" customWidth="1"/>
    <col min="4610" max="4610" width="7.5" customWidth="1"/>
    <col min="4611" max="4611" width="18.75" customWidth="1"/>
    <col min="4612" max="4612" width="3.375" customWidth="1"/>
    <col min="4613" max="4613" width="3.625" customWidth="1"/>
    <col min="4614" max="4614" width="7.5" customWidth="1"/>
    <col min="4615" max="4616" width="6.875" customWidth="1"/>
    <col min="4617" max="4617" width="9.25" customWidth="1"/>
    <col min="4618" max="4618" width="6.375" customWidth="1"/>
    <col min="4619" max="4619" width="7.125" customWidth="1"/>
    <col min="4865" max="4865" width="15.875" customWidth="1"/>
    <col min="4866" max="4866" width="7.5" customWidth="1"/>
    <col min="4867" max="4867" width="18.75" customWidth="1"/>
    <col min="4868" max="4868" width="3.375" customWidth="1"/>
    <col min="4869" max="4869" width="3.625" customWidth="1"/>
    <col min="4870" max="4870" width="7.5" customWidth="1"/>
    <col min="4871" max="4872" width="6.875" customWidth="1"/>
    <col min="4873" max="4873" width="9.25" customWidth="1"/>
    <col min="4874" max="4874" width="6.375" customWidth="1"/>
    <col min="4875" max="4875" width="7.125" customWidth="1"/>
    <col min="5121" max="5121" width="15.875" customWidth="1"/>
    <col min="5122" max="5122" width="7.5" customWidth="1"/>
    <col min="5123" max="5123" width="18.75" customWidth="1"/>
    <col min="5124" max="5124" width="3.375" customWidth="1"/>
    <col min="5125" max="5125" width="3.625" customWidth="1"/>
    <col min="5126" max="5126" width="7.5" customWidth="1"/>
    <col min="5127" max="5128" width="6.875" customWidth="1"/>
    <col min="5129" max="5129" width="9.25" customWidth="1"/>
    <col min="5130" max="5130" width="6.375" customWidth="1"/>
    <col min="5131" max="5131" width="7.125" customWidth="1"/>
    <col min="5377" max="5377" width="15.875" customWidth="1"/>
    <col min="5378" max="5378" width="7.5" customWidth="1"/>
    <col min="5379" max="5379" width="18.75" customWidth="1"/>
    <col min="5380" max="5380" width="3.375" customWidth="1"/>
    <col min="5381" max="5381" width="3.625" customWidth="1"/>
    <col min="5382" max="5382" width="7.5" customWidth="1"/>
    <col min="5383" max="5384" width="6.875" customWidth="1"/>
    <col min="5385" max="5385" width="9.25" customWidth="1"/>
    <col min="5386" max="5386" width="6.375" customWidth="1"/>
    <col min="5387" max="5387" width="7.125" customWidth="1"/>
    <col min="5633" max="5633" width="15.875" customWidth="1"/>
    <col min="5634" max="5634" width="7.5" customWidth="1"/>
    <col min="5635" max="5635" width="18.75" customWidth="1"/>
    <col min="5636" max="5636" width="3.375" customWidth="1"/>
    <col min="5637" max="5637" width="3.625" customWidth="1"/>
    <col min="5638" max="5638" width="7.5" customWidth="1"/>
    <col min="5639" max="5640" width="6.875" customWidth="1"/>
    <col min="5641" max="5641" width="9.25" customWidth="1"/>
    <col min="5642" max="5642" width="6.375" customWidth="1"/>
    <col min="5643" max="5643" width="7.125" customWidth="1"/>
    <col min="5889" max="5889" width="15.875" customWidth="1"/>
    <col min="5890" max="5890" width="7.5" customWidth="1"/>
    <col min="5891" max="5891" width="18.75" customWidth="1"/>
    <col min="5892" max="5892" width="3.375" customWidth="1"/>
    <col min="5893" max="5893" width="3.625" customWidth="1"/>
    <col min="5894" max="5894" width="7.5" customWidth="1"/>
    <col min="5895" max="5896" width="6.875" customWidth="1"/>
    <col min="5897" max="5897" width="9.25" customWidth="1"/>
    <col min="5898" max="5898" width="6.375" customWidth="1"/>
    <col min="5899" max="5899" width="7.125" customWidth="1"/>
    <col min="6145" max="6145" width="15.875" customWidth="1"/>
    <col min="6146" max="6146" width="7.5" customWidth="1"/>
    <col min="6147" max="6147" width="18.75" customWidth="1"/>
    <col min="6148" max="6148" width="3.375" customWidth="1"/>
    <col min="6149" max="6149" width="3.625" customWidth="1"/>
    <col min="6150" max="6150" width="7.5" customWidth="1"/>
    <col min="6151" max="6152" width="6.875" customWidth="1"/>
    <col min="6153" max="6153" width="9.25" customWidth="1"/>
    <col min="6154" max="6154" width="6.375" customWidth="1"/>
    <col min="6155" max="6155" width="7.125" customWidth="1"/>
    <col min="6401" max="6401" width="15.875" customWidth="1"/>
    <col min="6402" max="6402" width="7.5" customWidth="1"/>
    <col min="6403" max="6403" width="18.75" customWidth="1"/>
    <col min="6404" max="6404" width="3.375" customWidth="1"/>
    <col min="6405" max="6405" width="3.625" customWidth="1"/>
    <col min="6406" max="6406" width="7.5" customWidth="1"/>
    <col min="6407" max="6408" width="6.875" customWidth="1"/>
    <col min="6409" max="6409" width="9.25" customWidth="1"/>
    <col min="6410" max="6410" width="6.375" customWidth="1"/>
    <col min="6411" max="6411" width="7.125" customWidth="1"/>
    <col min="6657" max="6657" width="15.875" customWidth="1"/>
    <col min="6658" max="6658" width="7.5" customWidth="1"/>
    <col min="6659" max="6659" width="18.75" customWidth="1"/>
    <col min="6660" max="6660" width="3.375" customWidth="1"/>
    <col min="6661" max="6661" width="3.625" customWidth="1"/>
    <col min="6662" max="6662" width="7.5" customWidth="1"/>
    <col min="6663" max="6664" width="6.875" customWidth="1"/>
    <col min="6665" max="6665" width="9.25" customWidth="1"/>
    <col min="6666" max="6666" width="6.375" customWidth="1"/>
    <col min="6667" max="6667" width="7.125" customWidth="1"/>
    <col min="6913" max="6913" width="15.875" customWidth="1"/>
    <col min="6914" max="6914" width="7.5" customWidth="1"/>
    <col min="6915" max="6915" width="18.75" customWidth="1"/>
    <col min="6916" max="6916" width="3.375" customWidth="1"/>
    <col min="6917" max="6917" width="3.625" customWidth="1"/>
    <col min="6918" max="6918" width="7.5" customWidth="1"/>
    <col min="6919" max="6920" width="6.875" customWidth="1"/>
    <col min="6921" max="6921" width="9.25" customWidth="1"/>
    <col min="6922" max="6922" width="6.375" customWidth="1"/>
    <col min="6923" max="6923" width="7.125" customWidth="1"/>
    <col min="7169" max="7169" width="15.875" customWidth="1"/>
    <col min="7170" max="7170" width="7.5" customWidth="1"/>
    <col min="7171" max="7171" width="18.75" customWidth="1"/>
    <col min="7172" max="7172" width="3.375" customWidth="1"/>
    <col min="7173" max="7173" width="3.625" customWidth="1"/>
    <col min="7174" max="7174" width="7.5" customWidth="1"/>
    <col min="7175" max="7176" width="6.875" customWidth="1"/>
    <col min="7177" max="7177" width="9.25" customWidth="1"/>
    <col min="7178" max="7178" width="6.375" customWidth="1"/>
    <col min="7179" max="7179" width="7.125" customWidth="1"/>
    <col min="7425" max="7425" width="15.875" customWidth="1"/>
    <col min="7426" max="7426" width="7.5" customWidth="1"/>
    <col min="7427" max="7427" width="18.75" customWidth="1"/>
    <col min="7428" max="7428" width="3.375" customWidth="1"/>
    <col min="7429" max="7429" width="3.625" customWidth="1"/>
    <col min="7430" max="7430" width="7.5" customWidth="1"/>
    <col min="7431" max="7432" width="6.875" customWidth="1"/>
    <col min="7433" max="7433" width="9.25" customWidth="1"/>
    <col min="7434" max="7434" width="6.375" customWidth="1"/>
    <col min="7435" max="7435" width="7.125" customWidth="1"/>
    <col min="7681" max="7681" width="15.875" customWidth="1"/>
    <col min="7682" max="7682" width="7.5" customWidth="1"/>
    <col min="7683" max="7683" width="18.75" customWidth="1"/>
    <col min="7684" max="7684" width="3.375" customWidth="1"/>
    <col min="7685" max="7685" width="3.625" customWidth="1"/>
    <col min="7686" max="7686" width="7.5" customWidth="1"/>
    <col min="7687" max="7688" width="6.875" customWidth="1"/>
    <col min="7689" max="7689" width="9.25" customWidth="1"/>
    <col min="7690" max="7690" width="6.375" customWidth="1"/>
    <col min="7691" max="7691" width="7.125" customWidth="1"/>
    <col min="7937" max="7937" width="15.875" customWidth="1"/>
    <col min="7938" max="7938" width="7.5" customWidth="1"/>
    <col min="7939" max="7939" width="18.75" customWidth="1"/>
    <col min="7940" max="7940" width="3.375" customWidth="1"/>
    <col min="7941" max="7941" width="3.625" customWidth="1"/>
    <col min="7942" max="7942" width="7.5" customWidth="1"/>
    <col min="7943" max="7944" width="6.875" customWidth="1"/>
    <col min="7945" max="7945" width="9.25" customWidth="1"/>
    <col min="7946" max="7946" width="6.375" customWidth="1"/>
    <col min="7947" max="7947" width="7.125" customWidth="1"/>
    <col min="8193" max="8193" width="15.875" customWidth="1"/>
    <col min="8194" max="8194" width="7.5" customWidth="1"/>
    <col min="8195" max="8195" width="18.75" customWidth="1"/>
    <col min="8196" max="8196" width="3.375" customWidth="1"/>
    <col min="8197" max="8197" width="3.625" customWidth="1"/>
    <col min="8198" max="8198" width="7.5" customWidth="1"/>
    <col min="8199" max="8200" width="6.875" customWidth="1"/>
    <col min="8201" max="8201" width="9.25" customWidth="1"/>
    <col min="8202" max="8202" width="6.375" customWidth="1"/>
    <col min="8203" max="8203" width="7.125" customWidth="1"/>
    <col min="8449" max="8449" width="15.875" customWidth="1"/>
    <col min="8450" max="8450" width="7.5" customWidth="1"/>
    <col min="8451" max="8451" width="18.75" customWidth="1"/>
    <col min="8452" max="8452" width="3.375" customWidth="1"/>
    <col min="8453" max="8453" width="3.625" customWidth="1"/>
    <col min="8454" max="8454" width="7.5" customWidth="1"/>
    <col min="8455" max="8456" width="6.875" customWidth="1"/>
    <col min="8457" max="8457" width="9.25" customWidth="1"/>
    <col min="8458" max="8458" width="6.375" customWidth="1"/>
    <col min="8459" max="8459" width="7.125" customWidth="1"/>
    <col min="8705" max="8705" width="15.875" customWidth="1"/>
    <col min="8706" max="8706" width="7.5" customWidth="1"/>
    <col min="8707" max="8707" width="18.75" customWidth="1"/>
    <col min="8708" max="8708" width="3.375" customWidth="1"/>
    <col min="8709" max="8709" width="3.625" customWidth="1"/>
    <col min="8710" max="8710" width="7.5" customWidth="1"/>
    <col min="8711" max="8712" width="6.875" customWidth="1"/>
    <col min="8713" max="8713" width="9.25" customWidth="1"/>
    <col min="8714" max="8714" width="6.375" customWidth="1"/>
    <col min="8715" max="8715" width="7.125" customWidth="1"/>
    <col min="8961" max="8961" width="15.875" customWidth="1"/>
    <col min="8962" max="8962" width="7.5" customWidth="1"/>
    <col min="8963" max="8963" width="18.75" customWidth="1"/>
    <col min="8964" max="8964" width="3.375" customWidth="1"/>
    <col min="8965" max="8965" width="3.625" customWidth="1"/>
    <col min="8966" max="8966" width="7.5" customWidth="1"/>
    <col min="8967" max="8968" width="6.875" customWidth="1"/>
    <col min="8969" max="8969" width="9.25" customWidth="1"/>
    <col min="8970" max="8970" width="6.375" customWidth="1"/>
    <col min="8971" max="8971" width="7.125" customWidth="1"/>
    <col min="9217" max="9217" width="15.875" customWidth="1"/>
    <col min="9218" max="9218" width="7.5" customWidth="1"/>
    <col min="9219" max="9219" width="18.75" customWidth="1"/>
    <col min="9220" max="9220" width="3.375" customWidth="1"/>
    <col min="9221" max="9221" width="3.625" customWidth="1"/>
    <col min="9222" max="9222" width="7.5" customWidth="1"/>
    <col min="9223" max="9224" width="6.875" customWidth="1"/>
    <col min="9225" max="9225" width="9.25" customWidth="1"/>
    <col min="9226" max="9226" width="6.375" customWidth="1"/>
    <col min="9227" max="9227" width="7.125" customWidth="1"/>
    <col min="9473" max="9473" width="15.875" customWidth="1"/>
    <col min="9474" max="9474" width="7.5" customWidth="1"/>
    <col min="9475" max="9475" width="18.75" customWidth="1"/>
    <col min="9476" max="9476" width="3.375" customWidth="1"/>
    <col min="9477" max="9477" width="3.625" customWidth="1"/>
    <col min="9478" max="9478" width="7.5" customWidth="1"/>
    <col min="9479" max="9480" width="6.875" customWidth="1"/>
    <col min="9481" max="9481" width="9.25" customWidth="1"/>
    <col min="9482" max="9482" width="6.375" customWidth="1"/>
    <col min="9483" max="9483" width="7.125" customWidth="1"/>
    <col min="9729" max="9729" width="15.875" customWidth="1"/>
    <col min="9730" max="9730" width="7.5" customWidth="1"/>
    <col min="9731" max="9731" width="18.75" customWidth="1"/>
    <col min="9732" max="9732" width="3.375" customWidth="1"/>
    <col min="9733" max="9733" width="3.625" customWidth="1"/>
    <col min="9734" max="9734" width="7.5" customWidth="1"/>
    <col min="9735" max="9736" width="6.875" customWidth="1"/>
    <col min="9737" max="9737" width="9.25" customWidth="1"/>
    <col min="9738" max="9738" width="6.375" customWidth="1"/>
    <col min="9739" max="9739" width="7.125" customWidth="1"/>
    <col min="9985" max="9985" width="15.875" customWidth="1"/>
    <col min="9986" max="9986" width="7.5" customWidth="1"/>
    <col min="9987" max="9987" width="18.75" customWidth="1"/>
    <col min="9988" max="9988" width="3.375" customWidth="1"/>
    <col min="9989" max="9989" width="3.625" customWidth="1"/>
    <col min="9990" max="9990" width="7.5" customWidth="1"/>
    <col min="9991" max="9992" width="6.875" customWidth="1"/>
    <col min="9993" max="9993" width="9.25" customWidth="1"/>
    <col min="9994" max="9994" width="6.375" customWidth="1"/>
    <col min="9995" max="9995" width="7.125" customWidth="1"/>
    <col min="10241" max="10241" width="15.875" customWidth="1"/>
    <col min="10242" max="10242" width="7.5" customWidth="1"/>
    <col min="10243" max="10243" width="18.75" customWidth="1"/>
    <col min="10244" max="10244" width="3.375" customWidth="1"/>
    <col min="10245" max="10245" width="3.625" customWidth="1"/>
    <col min="10246" max="10246" width="7.5" customWidth="1"/>
    <col min="10247" max="10248" width="6.875" customWidth="1"/>
    <col min="10249" max="10249" width="9.25" customWidth="1"/>
    <col min="10250" max="10250" width="6.375" customWidth="1"/>
    <col min="10251" max="10251" width="7.125" customWidth="1"/>
    <col min="10497" max="10497" width="15.875" customWidth="1"/>
    <col min="10498" max="10498" width="7.5" customWidth="1"/>
    <col min="10499" max="10499" width="18.75" customWidth="1"/>
    <col min="10500" max="10500" width="3.375" customWidth="1"/>
    <col min="10501" max="10501" width="3.625" customWidth="1"/>
    <col min="10502" max="10502" width="7.5" customWidth="1"/>
    <col min="10503" max="10504" width="6.875" customWidth="1"/>
    <col min="10505" max="10505" width="9.25" customWidth="1"/>
    <col min="10506" max="10506" width="6.375" customWidth="1"/>
    <col min="10507" max="10507" width="7.125" customWidth="1"/>
    <col min="10753" max="10753" width="15.875" customWidth="1"/>
    <col min="10754" max="10754" width="7.5" customWidth="1"/>
    <col min="10755" max="10755" width="18.75" customWidth="1"/>
    <col min="10756" max="10756" width="3.375" customWidth="1"/>
    <col min="10757" max="10757" width="3.625" customWidth="1"/>
    <col min="10758" max="10758" width="7.5" customWidth="1"/>
    <col min="10759" max="10760" width="6.875" customWidth="1"/>
    <col min="10761" max="10761" width="9.25" customWidth="1"/>
    <col min="10762" max="10762" width="6.375" customWidth="1"/>
    <col min="10763" max="10763" width="7.125" customWidth="1"/>
    <col min="11009" max="11009" width="15.875" customWidth="1"/>
    <col min="11010" max="11010" width="7.5" customWidth="1"/>
    <col min="11011" max="11011" width="18.75" customWidth="1"/>
    <col min="11012" max="11012" width="3.375" customWidth="1"/>
    <col min="11013" max="11013" width="3.625" customWidth="1"/>
    <col min="11014" max="11014" width="7.5" customWidth="1"/>
    <col min="11015" max="11016" width="6.875" customWidth="1"/>
    <col min="11017" max="11017" width="9.25" customWidth="1"/>
    <col min="11018" max="11018" width="6.375" customWidth="1"/>
    <col min="11019" max="11019" width="7.125" customWidth="1"/>
    <col min="11265" max="11265" width="15.875" customWidth="1"/>
    <col min="11266" max="11266" width="7.5" customWidth="1"/>
    <col min="11267" max="11267" width="18.75" customWidth="1"/>
    <col min="11268" max="11268" width="3.375" customWidth="1"/>
    <col min="11269" max="11269" width="3.625" customWidth="1"/>
    <col min="11270" max="11270" width="7.5" customWidth="1"/>
    <col min="11271" max="11272" width="6.875" customWidth="1"/>
    <col min="11273" max="11273" width="9.25" customWidth="1"/>
    <col min="11274" max="11274" width="6.375" customWidth="1"/>
    <col min="11275" max="11275" width="7.125" customWidth="1"/>
    <col min="11521" max="11521" width="15.875" customWidth="1"/>
    <col min="11522" max="11522" width="7.5" customWidth="1"/>
    <col min="11523" max="11523" width="18.75" customWidth="1"/>
    <col min="11524" max="11524" width="3.375" customWidth="1"/>
    <col min="11525" max="11525" width="3.625" customWidth="1"/>
    <col min="11526" max="11526" width="7.5" customWidth="1"/>
    <col min="11527" max="11528" width="6.875" customWidth="1"/>
    <col min="11529" max="11529" width="9.25" customWidth="1"/>
    <col min="11530" max="11530" width="6.375" customWidth="1"/>
    <col min="11531" max="11531" width="7.125" customWidth="1"/>
    <col min="11777" max="11777" width="15.875" customWidth="1"/>
    <col min="11778" max="11778" width="7.5" customWidth="1"/>
    <col min="11779" max="11779" width="18.75" customWidth="1"/>
    <col min="11780" max="11780" width="3.375" customWidth="1"/>
    <col min="11781" max="11781" width="3.625" customWidth="1"/>
    <col min="11782" max="11782" width="7.5" customWidth="1"/>
    <col min="11783" max="11784" width="6.875" customWidth="1"/>
    <col min="11785" max="11785" width="9.25" customWidth="1"/>
    <col min="11786" max="11786" width="6.375" customWidth="1"/>
    <col min="11787" max="11787" width="7.125" customWidth="1"/>
    <col min="12033" max="12033" width="15.875" customWidth="1"/>
    <col min="12034" max="12034" width="7.5" customWidth="1"/>
    <col min="12035" max="12035" width="18.75" customWidth="1"/>
    <col min="12036" max="12036" width="3.375" customWidth="1"/>
    <col min="12037" max="12037" width="3.625" customWidth="1"/>
    <col min="12038" max="12038" width="7.5" customWidth="1"/>
    <col min="12039" max="12040" width="6.875" customWidth="1"/>
    <col min="12041" max="12041" width="9.25" customWidth="1"/>
    <col min="12042" max="12042" width="6.375" customWidth="1"/>
    <col min="12043" max="12043" width="7.125" customWidth="1"/>
    <col min="12289" max="12289" width="15.875" customWidth="1"/>
    <col min="12290" max="12290" width="7.5" customWidth="1"/>
    <col min="12291" max="12291" width="18.75" customWidth="1"/>
    <col min="12292" max="12292" width="3.375" customWidth="1"/>
    <col min="12293" max="12293" width="3.625" customWidth="1"/>
    <col min="12294" max="12294" width="7.5" customWidth="1"/>
    <col min="12295" max="12296" width="6.875" customWidth="1"/>
    <col min="12297" max="12297" width="9.25" customWidth="1"/>
    <col min="12298" max="12298" width="6.375" customWidth="1"/>
    <col min="12299" max="12299" width="7.125" customWidth="1"/>
    <col min="12545" max="12545" width="15.875" customWidth="1"/>
    <col min="12546" max="12546" width="7.5" customWidth="1"/>
    <col min="12547" max="12547" width="18.75" customWidth="1"/>
    <col min="12548" max="12548" width="3.375" customWidth="1"/>
    <col min="12549" max="12549" width="3.625" customWidth="1"/>
    <col min="12550" max="12550" width="7.5" customWidth="1"/>
    <col min="12551" max="12552" width="6.875" customWidth="1"/>
    <col min="12553" max="12553" width="9.25" customWidth="1"/>
    <col min="12554" max="12554" width="6.375" customWidth="1"/>
    <col min="12555" max="12555" width="7.125" customWidth="1"/>
    <col min="12801" max="12801" width="15.875" customWidth="1"/>
    <col min="12802" max="12802" width="7.5" customWidth="1"/>
    <col min="12803" max="12803" width="18.75" customWidth="1"/>
    <col min="12804" max="12804" width="3.375" customWidth="1"/>
    <col min="12805" max="12805" width="3.625" customWidth="1"/>
    <col min="12806" max="12806" width="7.5" customWidth="1"/>
    <col min="12807" max="12808" width="6.875" customWidth="1"/>
    <col min="12809" max="12809" width="9.25" customWidth="1"/>
    <col min="12810" max="12810" width="6.375" customWidth="1"/>
    <col min="12811" max="12811" width="7.125" customWidth="1"/>
    <col min="13057" max="13057" width="15.875" customWidth="1"/>
    <col min="13058" max="13058" width="7.5" customWidth="1"/>
    <col min="13059" max="13059" width="18.75" customWidth="1"/>
    <col min="13060" max="13060" width="3.375" customWidth="1"/>
    <col min="13061" max="13061" width="3.625" customWidth="1"/>
    <col min="13062" max="13062" width="7.5" customWidth="1"/>
    <col min="13063" max="13064" width="6.875" customWidth="1"/>
    <col min="13065" max="13065" width="9.25" customWidth="1"/>
    <col min="13066" max="13066" width="6.375" customWidth="1"/>
    <col min="13067" max="13067" width="7.125" customWidth="1"/>
    <col min="13313" max="13313" width="15.875" customWidth="1"/>
    <col min="13314" max="13314" width="7.5" customWidth="1"/>
    <col min="13315" max="13315" width="18.75" customWidth="1"/>
    <col min="13316" max="13316" width="3.375" customWidth="1"/>
    <col min="13317" max="13317" width="3.625" customWidth="1"/>
    <col min="13318" max="13318" width="7.5" customWidth="1"/>
    <col min="13319" max="13320" width="6.875" customWidth="1"/>
    <col min="13321" max="13321" width="9.25" customWidth="1"/>
    <col min="13322" max="13322" width="6.375" customWidth="1"/>
    <col min="13323" max="13323" width="7.125" customWidth="1"/>
    <col min="13569" max="13569" width="15.875" customWidth="1"/>
    <col min="13570" max="13570" width="7.5" customWidth="1"/>
    <col min="13571" max="13571" width="18.75" customWidth="1"/>
    <col min="13572" max="13572" width="3.375" customWidth="1"/>
    <col min="13573" max="13573" width="3.625" customWidth="1"/>
    <col min="13574" max="13574" width="7.5" customWidth="1"/>
    <col min="13575" max="13576" width="6.875" customWidth="1"/>
    <col min="13577" max="13577" width="9.25" customWidth="1"/>
    <col min="13578" max="13578" width="6.375" customWidth="1"/>
    <col min="13579" max="13579" width="7.125" customWidth="1"/>
    <col min="13825" max="13825" width="15.875" customWidth="1"/>
    <col min="13826" max="13826" width="7.5" customWidth="1"/>
    <col min="13827" max="13827" width="18.75" customWidth="1"/>
    <col min="13828" max="13828" width="3.375" customWidth="1"/>
    <col min="13829" max="13829" width="3.625" customWidth="1"/>
    <col min="13830" max="13830" width="7.5" customWidth="1"/>
    <col min="13831" max="13832" width="6.875" customWidth="1"/>
    <col min="13833" max="13833" width="9.25" customWidth="1"/>
    <col min="13834" max="13834" width="6.375" customWidth="1"/>
    <col min="13835" max="13835" width="7.125" customWidth="1"/>
    <col min="14081" max="14081" width="15.875" customWidth="1"/>
    <col min="14082" max="14082" width="7.5" customWidth="1"/>
    <col min="14083" max="14083" width="18.75" customWidth="1"/>
    <col min="14084" max="14084" width="3.375" customWidth="1"/>
    <col min="14085" max="14085" width="3.625" customWidth="1"/>
    <col min="14086" max="14086" width="7.5" customWidth="1"/>
    <col min="14087" max="14088" width="6.875" customWidth="1"/>
    <col min="14089" max="14089" width="9.25" customWidth="1"/>
    <col min="14090" max="14090" width="6.375" customWidth="1"/>
    <col min="14091" max="14091" width="7.125" customWidth="1"/>
    <col min="14337" max="14337" width="15.875" customWidth="1"/>
    <col min="14338" max="14338" width="7.5" customWidth="1"/>
    <col min="14339" max="14339" width="18.75" customWidth="1"/>
    <col min="14340" max="14340" width="3.375" customWidth="1"/>
    <col min="14341" max="14341" width="3.625" customWidth="1"/>
    <col min="14342" max="14342" width="7.5" customWidth="1"/>
    <col min="14343" max="14344" width="6.875" customWidth="1"/>
    <col min="14345" max="14345" width="9.25" customWidth="1"/>
    <col min="14346" max="14346" width="6.375" customWidth="1"/>
    <col min="14347" max="14347" width="7.125" customWidth="1"/>
    <col min="14593" max="14593" width="15.875" customWidth="1"/>
    <col min="14594" max="14594" width="7.5" customWidth="1"/>
    <col min="14595" max="14595" width="18.75" customWidth="1"/>
    <col min="14596" max="14596" width="3.375" customWidth="1"/>
    <col min="14597" max="14597" width="3.625" customWidth="1"/>
    <col min="14598" max="14598" width="7.5" customWidth="1"/>
    <col min="14599" max="14600" width="6.875" customWidth="1"/>
    <col min="14601" max="14601" width="9.25" customWidth="1"/>
    <col min="14602" max="14602" width="6.375" customWidth="1"/>
    <col min="14603" max="14603" width="7.125" customWidth="1"/>
    <col min="14849" max="14849" width="15.875" customWidth="1"/>
    <col min="14850" max="14850" width="7.5" customWidth="1"/>
    <col min="14851" max="14851" width="18.75" customWidth="1"/>
    <col min="14852" max="14852" width="3.375" customWidth="1"/>
    <col min="14853" max="14853" width="3.625" customWidth="1"/>
    <col min="14854" max="14854" width="7.5" customWidth="1"/>
    <col min="14855" max="14856" width="6.875" customWidth="1"/>
    <col min="14857" max="14857" width="9.25" customWidth="1"/>
    <col min="14858" max="14858" width="6.375" customWidth="1"/>
    <col min="14859" max="14859" width="7.125" customWidth="1"/>
    <col min="15105" max="15105" width="15.875" customWidth="1"/>
    <col min="15106" max="15106" width="7.5" customWidth="1"/>
    <col min="15107" max="15107" width="18.75" customWidth="1"/>
    <col min="15108" max="15108" width="3.375" customWidth="1"/>
    <col min="15109" max="15109" width="3.625" customWidth="1"/>
    <col min="15110" max="15110" width="7.5" customWidth="1"/>
    <col min="15111" max="15112" width="6.875" customWidth="1"/>
    <col min="15113" max="15113" width="9.25" customWidth="1"/>
    <col min="15114" max="15114" width="6.375" customWidth="1"/>
    <col min="15115" max="15115" width="7.125" customWidth="1"/>
    <col min="15361" max="15361" width="15.875" customWidth="1"/>
    <col min="15362" max="15362" width="7.5" customWidth="1"/>
    <col min="15363" max="15363" width="18.75" customWidth="1"/>
    <col min="15364" max="15364" width="3.375" customWidth="1"/>
    <col min="15365" max="15365" width="3.625" customWidth="1"/>
    <col min="15366" max="15366" width="7.5" customWidth="1"/>
    <col min="15367" max="15368" width="6.875" customWidth="1"/>
    <col min="15369" max="15369" width="9.25" customWidth="1"/>
    <col min="15370" max="15370" width="6.375" customWidth="1"/>
    <col min="15371" max="15371" width="7.125" customWidth="1"/>
    <col min="15617" max="15617" width="15.875" customWidth="1"/>
    <col min="15618" max="15618" width="7.5" customWidth="1"/>
    <col min="15619" max="15619" width="18.75" customWidth="1"/>
    <col min="15620" max="15620" width="3.375" customWidth="1"/>
    <col min="15621" max="15621" width="3.625" customWidth="1"/>
    <col min="15622" max="15622" width="7.5" customWidth="1"/>
    <col min="15623" max="15624" width="6.875" customWidth="1"/>
    <col min="15625" max="15625" width="9.25" customWidth="1"/>
    <col min="15626" max="15626" width="6.375" customWidth="1"/>
    <col min="15627" max="15627" width="7.125" customWidth="1"/>
    <col min="15873" max="15873" width="15.875" customWidth="1"/>
    <col min="15874" max="15874" width="7.5" customWidth="1"/>
    <col min="15875" max="15875" width="18.75" customWidth="1"/>
    <col min="15876" max="15876" width="3.375" customWidth="1"/>
    <col min="15877" max="15877" width="3.625" customWidth="1"/>
    <col min="15878" max="15878" width="7.5" customWidth="1"/>
    <col min="15879" max="15880" width="6.875" customWidth="1"/>
    <col min="15881" max="15881" width="9.25" customWidth="1"/>
    <col min="15882" max="15882" width="6.375" customWidth="1"/>
    <col min="15883" max="15883" width="7.125" customWidth="1"/>
    <col min="16129" max="16129" width="15.875" customWidth="1"/>
    <col min="16130" max="16130" width="7.5" customWidth="1"/>
    <col min="16131" max="16131" width="18.75" customWidth="1"/>
    <col min="16132" max="16132" width="3.375" customWidth="1"/>
    <col min="16133" max="16133" width="3.625" customWidth="1"/>
    <col min="16134" max="16134" width="7.5" customWidth="1"/>
    <col min="16135" max="16136" width="6.875" customWidth="1"/>
    <col min="16137" max="16137" width="9.25" customWidth="1"/>
    <col min="16138" max="16138" width="6.375" customWidth="1"/>
    <col min="16139" max="16139" width="7.125" customWidth="1"/>
  </cols>
  <sheetData>
    <row r="1" spans="1:11" ht="28.5" x14ac:dyDescent="0.4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 ht="28.5" x14ac:dyDescent="0.4">
      <c r="A2" s="2"/>
      <c r="B2" s="2"/>
      <c r="C2" s="2"/>
      <c r="D2" s="2"/>
      <c r="E2" s="2"/>
      <c r="F2" s="2"/>
      <c r="G2" s="2"/>
      <c r="H2" s="2"/>
      <c r="I2" s="2"/>
      <c r="J2" s="2"/>
      <c r="K2" s="2"/>
    </row>
    <row r="3" spans="1:11" ht="21.75" customHeight="1" x14ac:dyDescent="0.4">
      <c r="B3" s="2"/>
      <c r="C3" s="3" t="s">
        <v>1</v>
      </c>
      <c r="D3" s="3"/>
      <c r="E3" s="3"/>
      <c r="F3" s="3"/>
      <c r="G3" s="3"/>
      <c r="H3" s="3"/>
      <c r="I3" s="3"/>
    </row>
    <row r="4" spans="1:11" ht="15" customHeight="1" x14ac:dyDescent="0.4">
      <c r="C4" s="4" t="s">
        <v>2</v>
      </c>
      <c r="D4" s="4"/>
      <c r="E4" s="4"/>
      <c r="F4" s="4"/>
      <c r="G4" s="4"/>
      <c r="H4" s="4"/>
      <c r="I4" s="4"/>
      <c r="J4" s="5"/>
    </row>
    <row r="5" spans="1:11" ht="15" customHeight="1" x14ac:dyDescent="0.4">
      <c r="C5" s="4"/>
      <c r="D5" s="4"/>
      <c r="E5" s="4"/>
      <c r="F5" s="4"/>
      <c r="G5" s="4"/>
      <c r="H5" s="4"/>
      <c r="I5" s="4"/>
      <c r="J5" s="5"/>
    </row>
    <row r="6" spans="1:11" ht="30" customHeight="1" x14ac:dyDescent="0.4">
      <c r="C6" s="4" t="s">
        <v>3</v>
      </c>
      <c r="D6" s="4"/>
      <c r="E6" s="4"/>
      <c r="F6" s="4"/>
      <c r="G6" s="4"/>
      <c r="H6" s="4"/>
      <c r="I6" s="4"/>
      <c r="J6" s="6"/>
    </row>
    <row r="7" spans="1:11" ht="15" customHeight="1" x14ac:dyDescent="0.4">
      <c r="C7" s="4" t="s">
        <v>4</v>
      </c>
      <c r="D7" s="4"/>
      <c r="E7" s="4"/>
      <c r="F7" s="4"/>
      <c r="G7" s="4"/>
      <c r="H7" s="4"/>
      <c r="I7" s="4"/>
      <c r="J7" s="5"/>
    </row>
    <row r="8" spans="1:11" ht="15" customHeight="1" x14ac:dyDescent="0.4">
      <c r="A8" s="5"/>
      <c r="C8" s="4"/>
      <c r="D8" s="4"/>
      <c r="E8" s="4"/>
      <c r="F8" s="4"/>
      <c r="G8" s="4"/>
      <c r="H8" s="4"/>
      <c r="I8" s="4"/>
      <c r="J8" s="5"/>
    </row>
    <row r="9" spans="1:11" ht="15" customHeight="1" x14ac:dyDescent="0.4">
      <c r="C9" s="4" t="s">
        <v>5</v>
      </c>
      <c r="D9" s="4"/>
      <c r="E9" s="4"/>
      <c r="F9" s="4"/>
      <c r="G9" s="4"/>
      <c r="H9" s="4"/>
      <c r="I9" s="4"/>
      <c r="J9" s="5"/>
    </row>
    <row r="10" spans="1:11" ht="15" customHeight="1" x14ac:dyDescent="0.4">
      <c r="A10" s="5"/>
      <c r="C10" s="4"/>
      <c r="D10" s="4"/>
      <c r="E10" s="4"/>
      <c r="F10" s="4"/>
      <c r="G10" s="4"/>
      <c r="H10" s="4"/>
      <c r="I10" s="4"/>
      <c r="J10" s="5"/>
    </row>
    <row r="11" spans="1:11" ht="8.25" customHeight="1" x14ac:dyDescent="0.4"/>
    <row r="13" spans="1:11" x14ac:dyDescent="0.4">
      <c r="A13" s="5" t="s">
        <v>6</v>
      </c>
      <c r="B13" s="5"/>
      <c r="C13" s="5"/>
      <c r="D13" s="5"/>
      <c r="E13" s="5"/>
      <c r="F13" s="5"/>
    </row>
    <row r="14" spans="1:11" ht="19.5" customHeight="1" x14ac:dyDescent="0.4"/>
    <row r="15" spans="1:11" ht="19.5" customHeight="1" x14ac:dyDescent="0.4">
      <c r="A15" s="7" t="s">
        <v>7</v>
      </c>
      <c r="B15" s="8"/>
      <c r="C15" s="8" t="s">
        <v>8</v>
      </c>
      <c r="D15" s="8"/>
      <c r="E15" s="8"/>
      <c r="F15" s="8"/>
      <c r="G15" s="8"/>
      <c r="H15" s="8"/>
      <c r="I15" s="8"/>
      <c r="J15" s="8"/>
    </row>
    <row r="16" spans="1:11" ht="15" customHeight="1" x14ac:dyDescent="0.4">
      <c r="A16" s="9" t="s">
        <v>9</v>
      </c>
      <c r="B16" s="8"/>
      <c r="C16" s="8" t="s">
        <v>10</v>
      </c>
      <c r="D16" s="8" t="s">
        <v>11</v>
      </c>
      <c r="E16" s="8"/>
      <c r="F16" s="8"/>
      <c r="G16" s="8"/>
      <c r="H16" s="8"/>
      <c r="I16" s="8"/>
      <c r="J16" s="8"/>
    </row>
    <row r="17" spans="1:10" ht="19.5" customHeight="1" x14ac:dyDescent="0.4">
      <c r="A17" s="10" t="s">
        <v>12</v>
      </c>
      <c r="B17" s="8"/>
      <c r="C17" s="8"/>
      <c r="D17" s="8"/>
      <c r="E17" s="8"/>
      <c r="F17" s="8"/>
      <c r="G17" s="8"/>
      <c r="H17" s="8"/>
      <c r="I17" s="8"/>
      <c r="J17" s="8"/>
    </row>
    <row r="18" spans="1:10" ht="16.5" customHeight="1" x14ac:dyDescent="0.4">
      <c r="A18" s="10"/>
      <c r="B18" s="8"/>
      <c r="C18" s="8"/>
      <c r="D18" s="8"/>
      <c r="E18" s="8"/>
      <c r="F18" s="8"/>
      <c r="G18" s="8"/>
      <c r="H18" s="8"/>
      <c r="I18" s="8"/>
      <c r="J18" s="8"/>
    </row>
    <row r="19" spans="1:10" ht="19.5" customHeight="1" x14ac:dyDescent="0.4">
      <c r="A19" s="7" t="s">
        <v>13</v>
      </c>
      <c r="B19" s="8"/>
      <c r="C19" s="8" t="s">
        <v>14</v>
      </c>
      <c r="D19" s="8"/>
      <c r="E19" s="8"/>
      <c r="F19" s="8"/>
      <c r="G19" s="8"/>
      <c r="H19" s="8"/>
      <c r="I19" s="8"/>
      <c r="J19" s="8"/>
    </row>
    <row r="20" spans="1:10" ht="15" customHeight="1" x14ac:dyDescent="0.4">
      <c r="A20" s="11"/>
      <c r="B20" s="8"/>
      <c r="C20" s="8"/>
      <c r="D20" s="8"/>
      <c r="E20" s="8"/>
      <c r="F20" s="8"/>
      <c r="G20" s="8"/>
      <c r="H20" s="8"/>
      <c r="I20" s="8"/>
      <c r="J20" s="8"/>
    </row>
    <row r="21" spans="1:10" ht="19.5" customHeight="1" x14ac:dyDescent="0.4">
      <c r="A21" s="7" t="s">
        <v>15</v>
      </c>
      <c r="B21" s="8"/>
      <c r="C21" s="8" t="s">
        <v>16</v>
      </c>
      <c r="D21" s="8"/>
      <c r="E21" s="8"/>
      <c r="F21" s="8"/>
      <c r="G21" s="8"/>
      <c r="H21" s="8"/>
      <c r="I21" s="8"/>
      <c r="J21" s="8"/>
    </row>
    <row r="22" spans="1:10" ht="7.5" customHeight="1" x14ac:dyDescent="0.4">
      <c r="A22" s="8"/>
      <c r="B22" s="8"/>
      <c r="C22" s="8"/>
      <c r="D22" s="8"/>
      <c r="E22" s="8"/>
      <c r="F22" s="8"/>
      <c r="G22" s="8"/>
      <c r="H22" s="8"/>
      <c r="I22" s="8"/>
      <c r="J22" s="8"/>
    </row>
    <row r="23" spans="1:10" ht="19.5" customHeight="1" x14ac:dyDescent="0.4">
      <c r="A23" s="8"/>
      <c r="B23" s="8"/>
      <c r="C23" s="8" t="s">
        <v>17</v>
      </c>
      <c r="D23" s="8"/>
      <c r="E23" s="8"/>
      <c r="F23" s="8"/>
      <c r="G23" s="8"/>
      <c r="H23" s="8"/>
      <c r="I23" s="8"/>
      <c r="J23" s="8"/>
    </row>
    <row r="24" spans="1:10" ht="21.75" customHeight="1" x14ac:dyDescent="0.4"/>
    <row r="25" spans="1:10" ht="15" customHeight="1" x14ac:dyDescent="0.4">
      <c r="C25" s="12" t="s">
        <v>18</v>
      </c>
      <c r="D25" s="13"/>
      <c r="E25" s="12" t="s">
        <v>19</v>
      </c>
      <c r="F25" s="13"/>
      <c r="G25" s="13"/>
      <c r="H25" s="13"/>
    </row>
    <row r="26" spans="1:10" ht="5.0999999999999996" customHeight="1" x14ac:dyDescent="0.4">
      <c r="C26" s="8"/>
      <c r="D26" s="8"/>
    </row>
    <row r="27" spans="1:10" ht="17.25" customHeight="1" x14ac:dyDescent="0.4">
      <c r="C27" s="14" t="s">
        <v>20</v>
      </c>
      <c r="D27" s="14"/>
      <c r="F27" s="15"/>
      <c r="G27" s="15"/>
    </row>
    <row r="28" spans="1:10" ht="5.0999999999999996" customHeight="1" x14ac:dyDescent="0.4">
      <c r="C28" s="8"/>
      <c r="D28" s="8"/>
    </row>
    <row r="29" spans="1:10" ht="17.25" customHeight="1" x14ac:dyDescent="0.4">
      <c r="C29" s="14" t="s">
        <v>21</v>
      </c>
      <c r="D29" s="14"/>
      <c r="F29" s="15"/>
      <c r="G29" s="15"/>
    </row>
    <row r="30" spans="1:10" ht="5.0999999999999996" customHeight="1" x14ac:dyDescent="0.4">
      <c r="C30" s="8"/>
      <c r="D30" s="8"/>
    </row>
    <row r="31" spans="1:10" ht="17.25" customHeight="1" x14ac:dyDescent="0.4">
      <c r="C31" s="14" t="s">
        <v>22</v>
      </c>
      <c r="D31" s="14"/>
      <c r="F31" s="15"/>
      <c r="G31" s="15"/>
    </row>
    <row r="32" spans="1:10" ht="5.0999999999999996" customHeight="1" x14ac:dyDescent="0.4">
      <c r="C32" s="8"/>
      <c r="D32" s="8"/>
    </row>
    <row r="33" spans="1:11" ht="17.25" customHeight="1" x14ac:dyDescent="0.4">
      <c r="C33" s="14" t="s">
        <v>23</v>
      </c>
      <c r="D33" s="14"/>
      <c r="F33" s="15"/>
      <c r="G33" s="15"/>
    </row>
    <row r="34" spans="1:11" ht="5.0999999999999996" customHeight="1" x14ac:dyDescent="0.4">
      <c r="C34" s="14"/>
      <c r="D34" s="14"/>
      <c r="F34" s="16"/>
      <c r="G34" s="16"/>
    </row>
    <row r="35" spans="1:11" ht="17.25" customHeight="1" x14ac:dyDescent="0.4">
      <c r="C35" s="14" t="s">
        <v>24</v>
      </c>
      <c r="D35" s="14"/>
      <c r="F35" s="16"/>
      <c r="G35" s="16"/>
    </row>
    <row r="36" spans="1:11" ht="5.0999999999999996" customHeight="1" x14ac:dyDescent="0.4">
      <c r="C36" s="14"/>
      <c r="D36" s="14"/>
      <c r="F36" s="16"/>
      <c r="G36" s="16"/>
    </row>
    <row r="37" spans="1:11" ht="17.25" customHeight="1" x14ac:dyDescent="0.4">
      <c r="C37" s="14" t="s">
        <v>25</v>
      </c>
      <c r="D37" s="14"/>
      <c r="F37" s="16"/>
      <c r="G37" s="16"/>
    </row>
    <row r="38" spans="1:11" ht="17.25" customHeight="1" x14ac:dyDescent="0.4">
      <c r="C38" s="14"/>
      <c r="D38" s="14"/>
      <c r="F38" s="16"/>
      <c r="G38" s="16"/>
    </row>
    <row r="39" spans="1:11" ht="22.5" customHeight="1" x14ac:dyDescent="0.4">
      <c r="A39" t="s">
        <v>26</v>
      </c>
    </row>
    <row r="40" spans="1:11" ht="24.75" customHeight="1" x14ac:dyDescent="0.4">
      <c r="A40" s="17" t="s">
        <v>27</v>
      </c>
    </row>
    <row r="41" spans="1:11" ht="29.25" customHeight="1" x14ac:dyDescent="0.4">
      <c r="A41" t="s">
        <v>28</v>
      </c>
    </row>
    <row r="42" spans="1:11" ht="15" customHeight="1" x14ac:dyDescent="0.4">
      <c r="A42" s="18" t="s">
        <v>29</v>
      </c>
      <c r="B42" s="18"/>
      <c r="C42" s="18" t="s">
        <v>30</v>
      </c>
      <c r="D42" s="19" t="s">
        <v>31</v>
      </c>
      <c r="E42" s="20"/>
      <c r="F42" s="19" t="s">
        <v>32</v>
      </c>
      <c r="G42" s="21"/>
      <c r="H42" s="21"/>
      <c r="I42" s="21"/>
      <c r="J42" s="21"/>
      <c r="K42" s="20"/>
    </row>
    <row r="43" spans="1:11" ht="15" customHeight="1" x14ac:dyDescent="0.4">
      <c r="A43" s="18"/>
      <c r="B43" s="18"/>
      <c r="C43" s="18"/>
      <c r="D43" s="22"/>
      <c r="E43" s="23"/>
      <c r="F43" s="22"/>
      <c r="G43" s="24"/>
      <c r="H43" s="24"/>
      <c r="I43" s="24"/>
      <c r="J43" s="24"/>
      <c r="K43" s="23"/>
    </row>
    <row r="44" spans="1:11" ht="15" customHeight="1" x14ac:dyDescent="0.4">
      <c r="A44" s="25"/>
      <c r="B44" s="25"/>
      <c r="C44" s="26" t="s">
        <v>33</v>
      </c>
      <c r="D44" s="27" t="s">
        <v>34</v>
      </c>
      <c r="E44" s="28"/>
      <c r="F44" s="29" t="s">
        <v>35</v>
      </c>
      <c r="G44" s="30"/>
      <c r="H44" s="30"/>
      <c r="I44" s="30"/>
      <c r="J44" s="30"/>
      <c r="K44" s="31"/>
    </row>
    <row r="45" spans="1:11" ht="15" customHeight="1" x14ac:dyDescent="0.4">
      <c r="A45" s="25"/>
      <c r="B45" s="25"/>
      <c r="C45" s="26"/>
      <c r="D45" s="32"/>
      <c r="E45" s="33"/>
      <c r="F45" s="34"/>
      <c r="G45" s="35"/>
      <c r="H45" s="35"/>
      <c r="I45" s="35"/>
      <c r="J45" s="35"/>
      <c r="K45" s="36"/>
    </row>
    <row r="46" spans="1:11" ht="15" customHeight="1" x14ac:dyDescent="0.4">
      <c r="A46" s="25"/>
      <c r="B46" s="25"/>
      <c r="C46" s="26" t="s">
        <v>33</v>
      </c>
      <c r="D46" s="27" t="s">
        <v>34</v>
      </c>
      <c r="E46" s="28"/>
      <c r="F46" s="29" t="s">
        <v>35</v>
      </c>
      <c r="G46" s="30"/>
      <c r="H46" s="30"/>
      <c r="I46" s="30"/>
      <c r="J46" s="30"/>
      <c r="K46" s="31"/>
    </row>
    <row r="47" spans="1:11" ht="15" customHeight="1" x14ac:dyDescent="0.4">
      <c r="A47" s="25"/>
      <c r="B47" s="25"/>
      <c r="C47" s="26"/>
      <c r="D47" s="32"/>
      <c r="E47" s="33"/>
      <c r="F47" s="34"/>
      <c r="G47" s="35"/>
      <c r="H47" s="35"/>
      <c r="I47" s="35"/>
      <c r="J47" s="35"/>
      <c r="K47" s="36"/>
    </row>
    <row r="48" spans="1:11" ht="15" customHeight="1" x14ac:dyDescent="0.4">
      <c r="A48" s="25"/>
      <c r="B48" s="25"/>
      <c r="C48" s="26" t="s">
        <v>33</v>
      </c>
      <c r="D48" s="27" t="s">
        <v>34</v>
      </c>
      <c r="E48" s="28"/>
      <c r="F48" s="29" t="s">
        <v>35</v>
      </c>
      <c r="G48" s="30"/>
      <c r="H48" s="30"/>
      <c r="I48" s="30"/>
      <c r="J48" s="30"/>
      <c r="K48" s="31"/>
    </row>
    <row r="49" spans="1:11" ht="15" customHeight="1" x14ac:dyDescent="0.4">
      <c r="A49" s="25"/>
      <c r="B49" s="25"/>
      <c r="C49" s="26"/>
      <c r="D49" s="32"/>
      <c r="E49" s="33"/>
      <c r="F49" s="34"/>
      <c r="G49" s="35"/>
      <c r="H49" s="35"/>
      <c r="I49" s="35"/>
      <c r="J49" s="35"/>
      <c r="K49" s="36"/>
    </row>
    <row r="50" spans="1:11" ht="15" customHeight="1" x14ac:dyDescent="0.4">
      <c r="A50" s="25"/>
      <c r="B50" s="25"/>
      <c r="C50" s="26" t="s">
        <v>33</v>
      </c>
      <c r="D50" s="27" t="s">
        <v>34</v>
      </c>
      <c r="E50" s="28"/>
      <c r="F50" s="29" t="s">
        <v>35</v>
      </c>
      <c r="G50" s="30"/>
      <c r="H50" s="30"/>
      <c r="I50" s="30"/>
      <c r="J50" s="30"/>
      <c r="K50" s="31"/>
    </row>
    <row r="51" spans="1:11" ht="15" customHeight="1" x14ac:dyDescent="0.4">
      <c r="A51" s="25"/>
      <c r="B51" s="25"/>
      <c r="C51" s="26"/>
      <c r="D51" s="32"/>
      <c r="E51" s="33"/>
      <c r="F51" s="34"/>
      <c r="G51" s="35"/>
      <c r="H51" s="35"/>
      <c r="I51" s="35"/>
      <c r="J51" s="35"/>
      <c r="K51" s="36"/>
    </row>
    <row r="52" spans="1:11" ht="4.5" customHeight="1" x14ac:dyDescent="0.4">
      <c r="A52" s="37"/>
      <c r="B52" s="37"/>
      <c r="C52" s="37"/>
      <c r="D52" s="38"/>
      <c r="E52" s="38"/>
      <c r="F52" s="37"/>
      <c r="G52" s="37"/>
      <c r="H52" s="37"/>
      <c r="I52" s="37"/>
      <c r="J52" s="37"/>
      <c r="K52" s="37"/>
    </row>
    <row r="53" spans="1:11" x14ac:dyDescent="0.4">
      <c r="A53" s="39" t="s">
        <v>36</v>
      </c>
      <c r="B53" s="39"/>
      <c r="C53" s="39"/>
      <c r="D53" s="39"/>
      <c r="E53" s="39"/>
      <c r="F53" s="39"/>
      <c r="G53" s="39"/>
      <c r="H53" s="39"/>
      <c r="I53" s="39"/>
      <c r="J53" s="39"/>
      <c r="K53" s="39"/>
    </row>
    <row r="60" spans="1:11" x14ac:dyDescent="0.4">
      <c r="J60" s="5"/>
    </row>
    <row r="61" spans="1:11" x14ac:dyDescent="0.4">
      <c r="E61" s="40"/>
      <c r="F61" s="5"/>
      <c r="G61" s="5"/>
      <c r="H61" s="5"/>
      <c r="I61" s="5"/>
    </row>
    <row r="62" spans="1:11" x14ac:dyDescent="0.4">
      <c r="E62" s="41"/>
      <c r="F62" s="8"/>
    </row>
    <row r="63" spans="1:11" x14ac:dyDescent="0.4">
      <c r="E63" s="8"/>
      <c r="F63" s="8"/>
      <c r="J63" s="5"/>
    </row>
    <row r="64" spans="1:11" x14ac:dyDescent="0.4">
      <c r="E64" s="5"/>
      <c r="F64" s="5"/>
      <c r="G64" s="5"/>
      <c r="H64" s="5"/>
      <c r="I64" s="5"/>
    </row>
  </sheetData>
  <mergeCells count="32">
    <mergeCell ref="A53:K53"/>
    <mergeCell ref="A48:B49"/>
    <mergeCell ref="C48:C49"/>
    <mergeCell ref="D48:E49"/>
    <mergeCell ref="F48:K49"/>
    <mergeCell ref="A50:B51"/>
    <mergeCell ref="C50:C51"/>
    <mergeCell ref="D50:E51"/>
    <mergeCell ref="F50:K51"/>
    <mergeCell ref="A44:B45"/>
    <mergeCell ref="C44:C45"/>
    <mergeCell ref="D44:E45"/>
    <mergeCell ref="F44:K45"/>
    <mergeCell ref="A46:B47"/>
    <mergeCell ref="C46:C47"/>
    <mergeCell ref="D46:E47"/>
    <mergeCell ref="F46:K47"/>
    <mergeCell ref="A17:A18"/>
    <mergeCell ref="F27:G27"/>
    <mergeCell ref="F29:G29"/>
    <mergeCell ref="F31:G31"/>
    <mergeCell ref="F33:G33"/>
    <mergeCell ref="A42:B43"/>
    <mergeCell ref="C42:C43"/>
    <mergeCell ref="D42:E43"/>
    <mergeCell ref="F42:K43"/>
    <mergeCell ref="A1:K1"/>
    <mergeCell ref="C3:I3"/>
    <mergeCell ref="C4:I5"/>
    <mergeCell ref="C6:I6"/>
    <mergeCell ref="C7:I8"/>
    <mergeCell ref="C9:I10"/>
  </mergeCells>
  <phoneticPr fontId="2"/>
  <printOptions horizontalCentered="1" verticalCentered="1"/>
  <pageMargins left="0.43307086614173229" right="0.27559055118110237" top="0.39370078740157483" bottom="0.39370078740157483" header="0.31496062992125984" footer="0.31496062992125984"/>
  <pageSetup paperSize="9" scale="93" firstPageNumber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在学証明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粟國　由里江</dc:creator>
  <cp:lastModifiedBy>粟國　由里江</cp:lastModifiedBy>
  <dcterms:created xsi:type="dcterms:W3CDTF">2026-02-13T07:33:52Z</dcterms:created>
  <dcterms:modified xsi:type="dcterms:W3CDTF">2026-02-13T07:34:10Z</dcterms:modified>
</cp:coreProperties>
</file>